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7-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7-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utheuvelru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B91BBD8-CF95-0166-1BD8-AB987C9039F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3618" y="5200221"/>
            <a:ext cx="2140507" cy="148123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0D17B2E-4F6F-BEC4-9448-39F4F89BCA7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4318" y="4183733"/>
            <a:ext cx="1802175" cy="124710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0-07T12:08:58Z</dcterms:modified>
</cp:coreProperties>
</file>